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E7C8CC18-487C-42FC-9579-682F3A920367}" xr6:coauthVersionLast="36" xr6:coauthVersionMax="47" xr10:uidLastSave="{00000000-0000-0000-0000-000000000000}"/>
  <bookViews>
    <workbookView xWindow="3120" yWindow="2730" windowWidth="23670" windowHeight="12750" xr2:uid="{00000000-000D-0000-FFFF-FFFF00000000}"/>
  </bookViews>
  <sheets>
    <sheet name="DigitalCash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8" uniqueCount="16">
  <si>
    <t xml:space="preserve">Edy                 </t>
  </si>
  <si>
    <t xml:space="preserve">Suica               </t>
  </si>
  <si>
    <t xml:space="preserve">Pasmo               </t>
  </si>
  <si>
    <t xml:space="preserve">PayPay              </t>
  </si>
  <si>
    <t xml:space="preserve">             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6520A44B-FCAF-4F23-8568-7DE4714F77E0}" name="テーブル1" displayName="テーブル1" ref="A1:F5" totalsRowShown="0">
  <autoFilter ref="A1:F5" xr:uid="{EB65F0B1-2C72-4FFA-B712-89606913F3AB}"/>
  <tableColumns count="6">
    <tableColumn id="1" xr3:uid="{041CD0B9-99F7-44AE-A9F7-28B064F2643F}" name="ID"/>
    <tableColumn id="2" xr3:uid="{28F311D0-88F9-4BE3-A37F-0A8EB08C989C}" name="TERMINATOR"/>
    <tableColumn id="3" xr3:uid="{B836C12A-C60F-40A6-BFB3-D4571E330D47}" name="MAX_LENGTH"/>
    <tableColumn id="4" xr3:uid="{CBBD2909-4B60-4309-88C2-B46CABCEAAE9}" name="COLLATION"/>
    <tableColumn id="5" xr3:uid="{3866B1D3-09A5-4F54-8725-F1F2CA6DC3E7}" name="SOURCE"/>
    <tableColumn id="6" xr3:uid="{E4F66429-08D0-4EAF-BBBA-670E1129F139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6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5</v>
      </c>
      <c r="B1" s="2" t="s">
        <v>6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4</v>
      </c>
    </row>
    <row r="8" spans="1:2" x14ac:dyDescent="0.4">
      <c r="A8">
        <v>7</v>
      </c>
      <c r="B8" t="s">
        <v>4</v>
      </c>
    </row>
    <row r="9" spans="1:2" x14ac:dyDescent="0.4">
      <c r="A9">
        <v>8</v>
      </c>
      <c r="B9" t="s">
        <v>4</v>
      </c>
    </row>
    <row r="10" spans="1:2" x14ac:dyDescent="0.4">
      <c r="A10">
        <v>9</v>
      </c>
      <c r="B10" t="s">
        <v>4</v>
      </c>
    </row>
    <row r="11" spans="1:2" x14ac:dyDescent="0.4">
      <c r="A11">
        <v>10</v>
      </c>
      <c r="B11" t="s">
        <v>4</v>
      </c>
    </row>
    <row r="12" spans="1:2" x14ac:dyDescent="0.4">
      <c r="A12">
        <v>11</v>
      </c>
      <c r="B12" t="s">
        <v>4</v>
      </c>
    </row>
    <row r="13" spans="1:2" x14ac:dyDescent="0.4">
      <c r="A13">
        <v>12</v>
      </c>
      <c r="B13" t="s">
        <v>4</v>
      </c>
    </row>
    <row r="14" spans="1:2" x14ac:dyDescent="0.4">
      <c r="A14">
        <v>13</v>
      </c>
      <c r="B14" t="s">
        <v>4</v>
      </c>
    </row>
    <row r="15" spans="1:2" x14ac:dyDescent="0.4">
      <c r="A15">
        <v>14</v>
      </c>
      <c r="B15" t="s">
        <v>4</v>
      </c>
    </row>
    <row r="16" spans="1:2" x14ac:dyDescent="0.4">
      <c r="A16">
        <v>15</v>
      </c>
      <c r="B16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7</v>
      </c>
      <c r="B1" t="s">
        <v>8</v>
      </c>
      <c r="C1" t="s">
        <v>9</v>
      </c>
      <c r="D1" t="s">
        <v>10</v>
      </c>
      <c r="E1" t="s">
        <v>11</v>
      </c>
      <c r="F1" t="s">
        <v>12</v>
      </c>
    </row>
    <row r="2" spans="1:6" x14ac:dyDescent="0.4">
      <c r="A2">
        <v>1</v>
      </c>
      <c r="B2" s="3" t="s">
        <v>13</v>
      </c>
      <c r="C2">
        <v>12</v>
      </c>
      <c r="D2" s="3"/>
      <c r="F2" s="3"/>
    </row>
    <row r="3" spans="1:6" x14ac:dyDescent="0.4">
      <c r="A3">
        <v>2</v>
      </c>
      <c r="B3" s="3" t="s">
        <v>14</v>
      </c>
      <c r="C3">
        <v>20</v>
      </c>
      <c r="D3" s="3" t="s">
        <v>15</v>
      </c>
      <c r="F3" s="3"/>
    </row>
    <row r="4" spans="1:6" x14ac:dyDescent="0.4">
      <c r="B4" s="3"/>
      <c r="D4" s="3"/>
      <c r="E4">
        <v>1</v>
      </c>
      <c r="F4" s="3" t="s">
        <v>5</v>
      </c>
    </row>
    <row r="5" spans="1:6" x14ac:dyDescent="0.4">
      <c r="B5" s="3"/>
      <c r="D5" s="3"/>
      <c r="E5">
        <v>2</v>
      </c>
      <c r="F5" s="3" t="s">
        <v>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DigitalCash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58:31Z</dcterms:created>
  <dcterms:modified xsi:type="dcterms:W3CDTF">2024-02-26T04:42:08Z</dcterms:modified>
</cp:coreProperties>
</file>